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2-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2-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aasgouw/"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89F66F25-EE9F-EEB4-54A0-B4101AFF971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526" y="4560412"/>
            <a:ext cx="2347129" cy="20748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4FEC3F8C-5DEA-F6A0-FD70-7511E21EB97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7802" y="4193741"/>
            <a:ext cx="1299298" cy="114858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22T14:14:05Z</dcterms:modified>
</cp:coreProperties>
</file>